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67"/>
  <workbookPr/>
  <mc:AlternateContent xmlns:mc="http://schemas.openxmlformats.org/markup-compatibility/2006">
    <mc:Choice Requires="x15">
      <x15ac:absPath xmlns:x15ac="http://schemas.microsoft.com/office/spreadsheetml/2010/11/ac" url="C:\Users\s119386\OneDrive - hyogo-c.ed.jp\デスクトップ\西播高体連\HP原稿\20\Official\"/>
    </mc:Choice>
  </mc:AlternateContent>
  <xr:revisionPtr revIDLastSave="9" documentId="11_C223F870557B5959FBCD73EA16A5E26E056C8DD3" xr6:coauthVersionLast="36" xr6:coauthVersionMax="36" xr10:uidLastSave="{1A5BB985-9BCD-47C3-8807-F767225C087E}"/>
  <bookViews>
    <workbookView xWindow="0" yWindow="0" windowWidth="20490" windowHeight="9075" xr2:uid="{00000000-000D-0000-FFFF-FFFF00000000}"/>
  </bookViews>
  <sheets>
    <sheet name="チェックシート①" sheetId="1" r:id="rId1"/>
    <sheet name="チェックシート②" sheetId="3" r:id="rId2"/>
    <sheet name="役員用" sheetId="4" r:id="rId3"/>
  </sheets>
  <calcPr calcId="152511" concurrentCalc="0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65" uniqueCount="50">
  <si>
    <t>高校名</t>
    <rPh sb="0" eb="2">
      <t>コウコウ</t>
    </rPh>
    <rPh sb="2" eb="3">
      <t>メイ</t>
    </rPh>
    <phoneticPr fontId="1"/>
  </si>
  <si>
    <t>連絡先</t>
    <rPh sb="0" eb="3">
      <t>レンラクサキ</t>
    </rPh>
    <phoneticPr fontId="1"/>
  </si>
  <si>
    <t>参加前に、必ず参加者全員への周知と確認をして下さい</t>
    <rPh sb="0" eb="2">
      <t>サンカ</t>
    </rPh>
    <rPh sb="2" eb="3">
      <t>マエ</t>
    </rPh>
    <rPh sb="5" eb="6">
      <t>カナラ</t>
    </rPh>
    <rPh sb="7" eb="10">
      <t>サンカシャ</t>
    </rPh>
    <rPh sb="10" eb="12">
      <t>ゼンイン</t>
    </rPh>
    <rPh sb="14" eb="16">
      <t>シュウチ</t>
    </rPh>
    <rPh sb="17" eb="19">
      <t>カクニン</t>
    </rPh>
    <rPh sb="22" eb="23">
      <t>クダ</t>
    </rPh>
    <phoneticPr fontId="1"/>
  </si>
  <si>
    <t>①　参加者に該当する方が含まれ場合、参加の中止をお願いします。</t>
    <rPh sb="2" eb="5">
      <t>サンカシャ</t>
    </rPh>
    <rPh sb="6" eb="8">
      <t>ガイトウ</t>
    </rPh>
    <rPh sb="10" eb="11">
      <t>カタ</t>
    </rPh>
    <rPh sb="12" eb="13">
      <t>フク</t>
    </rPh>
    <rPh sb="15" eb="17">
      <t>バアイ</t>
    </rPh>
    <rPh sb="18" eb="20">
      <t>サンカ</t>
    </rPh>
    <rPh sb="21" eb="23">
      <t>チュウシ</t>
    </rPh>
    <rPh sb="25" eb="26">
      <t>ネガ</t>
    </rPh>
    <phoneticPr fontId="1"/>
  </si>
  <si>
    <t>　　（症状や接触は、過去2週間に該当がないか確認してください）</t>
    <rPh sb="3" eb="5">
      <t>ショウジョウ</t>
    </rPh>
    <rPh sb="6" eb="8">
      <t>セッショク</t>
    </rPh>
    <rPh sb="10" eb="12">
      <t>カコ</t>
    </rPh>
    <rPh sb="13" eb="15">
      <t>シュウカン</t>
    </rPh>
    <rPh sb="16" eb="18">
      <t>ガイトウ</t>
    </rPh>
    <rPh sb="22" eb="24">
      <t>カクニン</t>
    </rPh>
    <phoneticPr fontId="1"/>
  </si>
  <si>
    <t>　・同居親族や身近な知人に感染症への感染が疑われる方がいる</t>
    <rPh sb="2" eb="4">
      <t>ドウキョ</t>
    </rPh>
    <rPh sb="4" eb="6">
      <t>シンゾク</t>
    </rPh>
    <rPh sb="7" eb="9">
      <t>ミジカ</t>
    </rPh>
    <rPh sb="10" eb="12">
      <t>チジン</t>
    </rPh>
    <rPh sb="13" eb="16">
      <t>カンセンショウ</t>
    </rPh>
    <rPh sb="18" eb="20">
      <t>カンセン</t>
    </rPh>
    <rPh sb="21" eb="22">
      <t>ウタガ</t>
    </rPh>
    <rPh sb="25" eb="26">
      <t>カタ</t>
    </rPh>
    <phoneticPr fontId="1"/>
  </si>
  <si>
    <t xml:space="preserve">　・過去14日以内に政府から入国制限、入国後の観察期間を必要な国や
</t>
    <rPh sb="2" eb="4">
      <t>カコ</t>
    </rPh>
    <rPh sb="6" eb="7">
      <t>ヒ</t>
    </rPh>
    <rPh sb="7" eb="9">
      <t>イナイ</t>
    </rPh>
    <rPh sb="10" eb="12">
      <t>セイフ</t>
    </rPh>
    <rPh sb="14" eb="16">
      <t>ニュウコク</t>
    </rPh>
    <rPh sb="16" eb="18">
      <t>セイゲン</t>
    </rPh>
    <rPh sb="19" eb="21">
      <t>ニュウコク</t>
    </rPh>
    <rPh sb="21" eb="22">
      <t>ゴ</t>
    </rPh>
    <rPh sb="23" eb="25">
      <t>カンサツ</t>
    </rPh>
    <rPh sb="25" eb="27">
      <t>キカン</t>
    </rPh>
    <rPh sb="28" eb="30">
      <t>ヒツヨウ</t>
    </rPh>
    <rPh sb="31" eb="32">
      <t>クニ</t>
    </rPh>
    <phoneticPr fontId="1"/>
  </si>
  <si>
    <t>　　地域等への渡航又は該当在住者との濃厚接触がある。</t>
    <phoneticPr fontId="1"/>
  </si>
  <si>
    <t>②　スポーツを行っていない時は、マスクを着用してください。</t>
    <rPh sb="13" eb="14">
      <t>トキ</t>
    </rPh>
    <phoneticPr fontId="1"/>
  </si>
  <si>
    <t>③　こまめな手洗い、アルコール等による手指消毒をおこなってください。</t>
    <phoneticPr fontId="1"/>
  </si>
  <si>
    <t>④　大会中に大きな声で会話、応援、指導などをおなわないでください。</t>
    <rPh sb="17" eb="19">
      <t>シドウ</t>
    </rPh>
    <phoneticPr fontId="1"/>
  </si>
  <si>
    <t>⑤　ミーティングや休憩時に、「密閉・密集・密接」にならないよう注意してください。</t>
    <phoneticPr fontId="1"/>
  </si>
  <si>
    <t>⑥　他のチーム、スタッフ等との距離（できるだけ２ｍ以上）を確保してください。</t>
    <phoneticPr fontId="1"/>
  </si>
  <si>
    <t>⑦　感染防止のために専門部が決めたその他の措置、指示に従ってください。</t>
    <rPh sb="2" eb="4">
      <t>カンセン</t>
    </rPh>
    <rPh sb="4" eb="6">
      <t>ボウシ</t>
    </rPh>
    <rPh sb="10" eb="12">
      <t>センモン</t>
    </rPh>
    <rPh sb="12" eb="13">
      <t>ブ</t>
    </rPh>
    <rPh sb="14" eb="15">
      <t>キ</t>
    </rPh>
    <rPh sb="19" eb="20">
      <t>タ</t>
    </rPh>
    <rPh sb="21" eb="23">
      <t>ソチ</t>
    </rPh>
    <rPh sb="24" eb="26">
      <t>シジ</t>
    </rPh>
    <rPh sb="27" eb="28">
      <t>シタガ</t>
    </rPh>
    <phoneticPr fontId="1"/>
  </si>
  <si>
    <t xml:space="preserve"> 　　速やかに濃厚接触者の有無等について報告してください。</t>
    <rPh sb="3" eb="4">
      <t>スミ</t>
    </rPh>
    <rPh sb="7" eb="9">
      <t>ノウコウ</t>
    </rPh>
    <rPh sb="9" eb="11">
      <t>セッショク</t>
    </rPh>
    <rPh sb="11" eb="12">
      <t>シャ</t>
    </rPh>
    <rPh sb="13" eb="15">
      <t>ウム</t>
    </rPh>
    <rPh sb="15" eb="16">
      <t>トウ</t>
    </rPh>
    <rPh sb="20" eb="22">
      <t>ホウコク</t>
    </rPh>
    <phoneticPr fontId="1"/>
  </si>
  <si>
    <t>高等学校（　男子　・　女子　）</t>
    <rPh sb="0" eb="2">
      <t>コウトウ</t>
    </rPh>
    <rPh sb="2" eb="4">
      <t>ガッコウ</t>
    </rPh>
    <rPh sb="6" eb="8">
      <t>ダンシ</t>
    </rPh>
    <rPh sb="11" eb="13">
      <t>ジョシ</t>
    </rPh>
    <phoneticPr fontId="1"/>
  </si>
  <si>
    <t>ある　・　ない</t>
    <phoneticPr fontId="1"/>
  </si>
  <si>
    <t>　・発熱、せき、のどの痛み、臭覚や味覚異常などがある</t>
    <rPh sb="2" eb="4">
      <t>ハツネツ</t>
    </rPh>
    <rPh sb="11" eb="12">
      <t>イタ</t>
    </rPh>
    <rPh sb="14" eb="16">
      <t>シュウカク</t>
    </rPh>
    <rPh sb="17" eb="19">
      <t>ミカク</t>
    </rPh>
    <rPh sb="19" eb="21">
      <t>イジョウ</t>
    </rPh>
    <phoneticPr fontId="1"/>
  </si>
  <si>
    <t>　　上記の①～⑧の内容を確認し、ご同意いただけた方は「　　✔　　」をつけてください</t>
    <rPh sb="2" eb="4">
      <t>ジョウキ</t>
    </rPh>
    <rPh sb="9" eb="11">
      <t>ナイヨウ</t>
    </rPh>
    <rPh sb="12" eb="14">
      <t>カクニン</t>
    </rPh>
    <rPh sb="17" eb="19">
      <t>ドウイ</t>
    </rPh>
    <rPh sb="24" eb="25">
      <t>カタ</t>
    </rPh>
    <phoneticPr fontId="1"/>
  </si>
  <si>
    <t>チーム用 ①</t>
    <rPh sb="3" eb="4">
      <t>ヨウ</t>
    </rPh>
    <phoneticPr fontId="1"/>
  </si>
  <si>
    <t>大会初日受付時に提出お願いします</t>
    <rPh sb="0" eb="2">
      <t>タイカイ</t>
    </rPh>
    <rPh sb="2" eb="4">
      <t>ショニチ</t>
    </rPh>
    <rPh sb="4" eb="6">
      <t>ウケツケ</t>
    </rPh>
    <rPh sb="6" eb="7">
      <t>ジ</t>
    </rPh>
    <rPh sb="8" eb="10">
      <t>テイシュツ</t>
    </rPh>
    <rPh sb="11" eb="12">
      <t>ネガ</t>
    </rPh>
    <phoneticPr fontId="1"/>
  </si>
  <si>
    <t>引率責任者</t>
    <rPh sb="0" eb="2">
      <t>インソツ</t>
    </rPh>
    <rPh sb="2" eb="5">
      <t>セキニンシャ</t>
    </rPh>
    <phoneticPr fontId="1"/>
  </si>
  <si>
    <t>チーム用 ②</t>
    <rPh sb="3" eb="4">
      <t>ヨウ</t>
    </rPh>
    <phoneticPr fontId="1"/>
  </si>
  <si>
    <t>参加者の氏名と当日の体温</t>
    <rPh sb="0" eb="2">
      <t>サンカ</t>
    </rPh>
    <rPh sb="2" eb="3">
      <t>シャ</t>
    </rPh>
    <rPh sb="4" eb="6">
      <t>シメイ</t>
    </rPh>
    <rPh sb="7" eb="9">
      <t>トウジツ</t>
    </rPh>
    <rPh sb="10" eb="12">
      <t>タイオン</t>
    </rPh>
    <phoneticPr fontId="1"/>
  </si>
  <si>
    <t>高等学校（　男子　・　女子　）</t>
  </si>
  <si>
    <t>令和　２　年　　　　　　月　　　　　　　日　（　　　　　　）</t>
    <phoneticPr fontId="1"/>
  </si>
  <si>
    <t>毎日、受付時に提出お願いします</t>
    <rPh sb="0" eb="2">
      <t>マイニチ</t>
    </rPh>
    <phoneticPr fontId="1"/>
  </si>
  <si>
    <t>NO</t>
    <phoneticPr fontId="1"/>
  </si>
  <si>
    <t>氏名</t>
    <rPh sb="0" eb="2">
      <t>シメイ</t>
    </rPh>
    <phoneticPr fontId="1"/>
  </si>
  <si>
    <t>区分</t>
    <rPh sb="0" eb="2">
      <t>クブン</t>
    </rPh>
    <phoneticPr fontId="1"/>
  </si>
  <si>
    <t>体温</t>
    <rPh sb="0" eb="2">
      <t>タイオン</t>
    </rPh>
    <phoneticPr fontId="1"/>
  </si>
  <si>
    <t>NO</t>
  </si>
  <si>
    <t>スタッフ　・　選手</t>
    <rPh sb="7" eb="9">
      <t>センシュ</t>
    </rPh>
    <phoneticPr fontId="1"/>
  </si>
  <si>
    <t>　　・　　　℃</t>
    <phoneticPr fontId="1"/>
  </si>
  <si>
    <t>　　・　　　℃</t>
    <phoneticPr fontId="1"/>
  </si>
  <si>
    <t>＊ご提供いただいた個人情報は、本大会実施のためのみに使用し、それ以外の用途には使用いたしません。</t>
    <rPh sb="2" eb="4">
      <t>テイキョウ</t>
    </rPh>
    <rPh sb="9" eb="11">
      <t>コジン</t>
    </rPh>
    <rPh sb="11" eb="13">
      <t>ジョウホウ</t>
    </rPh>
    <rPh sb="15" eb="18">
      <t>ホンタイカイ</t>
    </rPh>
    <rPh sb="18" eb="20">
      <t>ジッシ</t>
    </rPh>
    <rPh sb="26" eb="28">
      <t>シヨウ</t>
    </rPh>
    <rPh sb="32" eb="34">
      <t>イガイ</t>
    </rPh>
    <rPh sb="35" eb="37">
      <t>ヨウト</t>
    </rPh>
    <rPh sb="39" eb="41">
      <t>シヨウ</t>
    </rPh>
    <phoneticPr fontId="1"/>
  </si>
  <si>
    <t>　　・　　　℃</t>
    <phoneticPr fontId="1"/>
  </si>
  <si>
    <t>毎日必ず各責任者に提出お願いします</t>
    <rPh sb="0" eb="2">
      <t>マイニチ</t>
    </rPh>
    <rPh sb="2" eb="3">
      <t>カナラ</t>
    </rPh>
    <rPh sb="4" eb="5">
      <t>カク</t>
    </rPh>
    <rPh sb="5" eb="8">
      <t>セキニンシャ</t>
    </rPh>
    <rPh sb="9" eb="11">
      <t>テイシュツ</t>
    </rPh>
    <rPh sb="12" eb="13">
      <t>ネガ</t>
    </rPh>
    <phoneticPr fontId="1"/>
  </si>
  <si>
    <t>高校名（所属）</t>
    <rPh sb="0" eb="2">
      <t>コウコウ</t>
    </rPh>
    <rPh sb="2" eb="3">
      <t>メイ</t>
    </rPh>
    <rPh sb="4" eb="6">
      <t>ショゾク</t>
    </rPh>
    <phoneticPr fontId="1"/>
  </si>
  <si>
    <t>高等学校</t>
    <rPh sb="0" eb="2">
      <t>コウトウ</t>
    </rPh>
    <rPh sb="2" eb="4">
      <t>ガッコウ</t>
    </rPh>
    <phoneticPr fontId="1"/>
  </si>
  <si>
    <t>今朝の体温</t>
    <rPh sb="0" eb="2">
      <t>ケサ</t>
    </rPh>
    <rPh sb="3" eb="5">
      <t>タイオン</t>
    </rPh>
    <phoneticPr fontId="1"/>
  </si>
  <si>
    <t>℃</t>
    <phoneticPr fontId="1"/>
  </si>
  <si>
    <t>①　該当する場合は、業務の中止をお願いします。</t>
    <rPh sb="2" eb="4">
      <t>ガイトウ</t>
    </rPh>
    <rPh sb="6" eb="8">
      <t>バアイ</t>
    </rPh>
    <rPh sb="10" eb="12">
      <t>ギョウム</t>
    </rPh>
    <rPh sb="13" eb="15">
      <t>チュウシ</t>
    </rPh>
    <rPh sb="17" eb="18">
      <t>ネガ</t>
    </rPh>
    <phoneticPr fontId="1"/>
  </si>
  <si>
    <t>②　体育館内は、マスクを着用してください。</t>
    <rPh sb="2" eb="5">
      <t>タイイクカン</t>
    </rPh>
    <rPh sb="5" eb="6">
      <t>ナイ</t>
    </rPh>
    <phoneticPr fontId="1"/>
  </si>
  <si>
    <t>　　上記の①～④の内容を確認し、ご同意いただけた方は「　　✔　　」をつけてください</t>
    <rPh sb="2" eb="4">
      <t>ジョウキ</t>
    </rPh>
    <rPh sb="9" eb="11">
      <t>ナイヨウ</t>
    </rPh>
    <rPh sb="12" eb="14">
      <t>カクニン</t>
    </rPh>
    <rPh sb="17" eb="19">
      <t>ドウイ</t>
    </rPh>
    <rPh sb="24" eb="25">
      <t>カタ</t>
    </rPh>
    <phoneticPr fontId="1"/>
  </si>
  <si>
    <t>＊生徒だけではなく、顧問、引率教員、チーム付きスタッフについても全員記入してください。</t>
    <rPh sb="1" eb="3">
      <t>セイト</t>
    </rPh>
    <rPh sb="10" eb="12">
      <t>コモン</t>
    </rPh>
    <rPh sb="13" eb="15">
      <t>インソツ</t>
    </rPh>
    <rPh sb="15" eb="17">
      <t>キョウイン</t>
    </rPh>
    <rPh sb="21" eb="22">
      <t>ツ</t>
    </rPh>
    <rPh sb="32" eb="34">
      <t>ゼンイン</t>
    </rPh>
    <rPh sb="34" eb="36">
      <t>キニュウ</t>
    </rPh>
    <phoneticPr fontId="1"/>
  </si>
  <si>
    <t>西播高体連バレーボール部　新型コロナウイルス感染防止対策チェックシート</t>
    <rPh sb="0" eb="2">
      <t>セイバン</t>
    </rPh>
    <rPh sb="2" eb="5">
      <t>コウタイレン</t>
    </rPh>
    <rPh sb="11" eb="12">
      <t>ブ</t>
    </rPh>
    <rPh sb="13" eb="15">
      <t>シンガタ</t>
    </rPh>
    <rPh sb="22" eb="24">
      <t>カンセン</t>
    </rPh>
    <rPh sb="24" eb="26">
      <t>ボウシ</t>
    </rPh>
    <rPh sb="26" eb="28">
      <t>タイサク</t>
    </rPh>
    <phoneticPr fontId="1"/>
  </si>
  <si>
    <t>役員用</t>
    <rPh sb="0" eb="2">
      <t>ヤクイン</t>
    </rPh>
    <rPh sb="2" eb="3">
      <t>ヨウ</t>
    </rPh>
    <phoneticPr fontId="1"/>
  </si>
  <si>
    <t>④　大会終了後2週間以内に新型コロナウイルス感染症を発症した場合は、支部委員長に対して</t>
    <rPh sb="2" eb="4">
      <t>タイカイ</t>
    </rPh>
    <rPh sb="4" eb="7">
      <t>シュウリョウゴ</t>
    </rPh>
    <rPh sb="8" eb="10">
      <t>シュウカン</t>
    </rPh>
    <rPh sb="10" eb="12">
      <t>イナイ</t>
    </rPh>
    <rPh sb="13" eb="15">
      <t>シンガタ</t>
    </rPh>
    <rPh sb="22" eb="25">
      <t>カンセンショウ</t>
    </rPh>
    <rPh sb="26" eb="28">
      <t>ハッショウ</t>
    </rPh>
    <rPh sb="30" eb="32">
      <t>バアイ</t>
    </rPh>
    <rPh sb="34" eb="36">
      <t>シブ</t>
    </rPh>
    <rPh sb="36" eb="39">
      <t>イインチョウ</t>
    </rPh>
    <rPh sb="40" eb="41">
      <t>タイ</t>
    </rPh>
    <phoneticPr fontId="1"/>
  </si>
  <si>
    <t>⑧　大会終了後2週間以内に新型コロナウイルス感染症を発症した場合は、支部委員長に対して</t>
    <rPh sb="2" eb="4">
      <t>タイカイ</t>
    </rPh>
    <rPh sb="4" eb="7">
      <t>シュウリョウゴ</t>
    </rPh>
    <rPh sb="8" eb="10">
      <t>シュウカン</t>
    </rPh>
    <rPh sb="10" eb="12">
      <t>イナイ</t>
    </rPh>
    <rPh sb="13" eb="15">
      <t>シンガタ</t>
    </rPh>
    <rPh sb="22" eb="25">
      <t>カンセンショウ</t>
    </rPh>
    <rPh sb="26" eb="28">
      <t>ハッショウ</t>
    </rPh>
    <rPh sb="30" eb="32">
      <t>バアイ</t>
    </rPh>
    <rPh sb="34" eb="36">
      <t>シブ</t>
    </rPh>
    <rPh sb="36" eb="39">
      <t>イインチョウ</t>
    </rPh>
    <rPh sb="40" eb="41">
      <t>タ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b/>
      <sz val="14"/>
      <color theme="1"/>
      <name val="ＭＳ Ｐゴシック"/>
      <family val="3"/>
      <charset val="128"/>
      <scheme val="minor"/>
    </font>
    <font>
      <b/>
      <sz val="12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45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dashed">
        <color auto="1"/>
      </left>
      <right/>
      <top style="dashed">
        <color auto="1"/>
      </top>
      <bottom/>
      <diagonal/>
    </border>
    <border>
      <left/>
      <right/>
      <top style="dashed">
        <color auto="1"/>
      </top>
      <bottom/>
      <diagonal/>
    </border>
    <border>
      <left/>
      <right style="dashed">
        <color auto="1"/>
      </right>
      <top style="dashed">
        <color auto="1"/>
      </top>
      <bottom/>
      <diagonal/>
    </border>
    <border>
      <left style="dashed">
        <color auto="1"/>
      </left>
      <right/>
      <top/>
      <bottom/>
      <diagonal/>
    </border>
    <border>
      <left/>
      <right style="dashed">
        <color auto="1"/>
      </right>
      <top/>
      <bottom/>
      <diagonal/>
    </border>
    <border>
      <left style="dashed">
        <color auto="1"/>
      </left>
      <right/>
      <top/>
      <bottom style="dashed">
        <color auto="1"/>
      </bottom>
      <diagonal/>
    </border>
    <border>
      <left/>
      <right/>
      <top/>
      <bottom style="dashed">
        <color auto="1"/>
      </bottom>
      <diagonal/>
    </border>
    <border>
      <left/>
      <right style="dashed">
        <color auto="1"/>
      </right>
      <top/>
      <bottom style="dash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ck">
        <color auto="1"/>
      </left>
      <right style="thick">
        <color auto="1"/>
      </right>
      <top style="thick">
        <color auto="1"/>
      </top>
      <bottom/>
      <diagonal/>
    </border>
    <border>
      <left style="thick">
        <color auto="1"/>
      </left>
      <right style="thick">
        <color auto="1"/>
      </right>
      <top/>
      <bottom/>
      <diagonal/>
    </border>
    <border>
      <left style="thick">
        <color auto="1"/>
      </left>
      <right style="thick">
        <color auto="1"/>
      </right>
      <top/>
      <bottom style="thick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98">
    <xf numFmtId="0" fontId="0" fillId="0" borderId="0" xfId="0">
      <alignment vertical="center"/>
    </xf>
    <xf numFmtId="0" fontId="0" fillId="0" borderId="0" xfId="0" applyAlignment="1">
      <alignment vertical="center"/>
    </xf>
    <xf numFmtId="0" fontId="0" fillId="0" borderId="0" xfId="0" applyBorder="1">
      <alignment vertical="center"/>
    </xf>
    <xf numFmtId="0" fontId="0" fillId="0" borderId="0" xfId="0" applyBorder="1" applyAlignment="1">
      <alignment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0" fillId="0" borderId="14" xfId="0" applyBorder="1">
      <alignment vertical="center"/>
    </xf>
    <xf numFmtId="0" fontId="0" fillId="0" borderId="15" xfId="0" applyBorder="1">
      <alignment vertical="center"/>
    </xf>
    <xf numFmtId="0" fontId="0" fillId="0" borderId="8" xfId="0" applyBorder="1">
      <alignment vertical="center"/>
    </xf>
    <xf numFmtId="0" fontId="0" fillId="0" borderId="11" xfId="0" applyBorder="1" applyAlignment="1">
      <alignment vertical="center"/>
    </xf>
    <xf numFmtId="0" fontId="0" fillId="0" borderId="2" xfId="0" applyBorder="1">
      <alignment vertical="center"/>
    </xf>
    <xf numFmtId="0" fontId="0" fillId="0" borderId="3" xfId="0" applyBorder="1">
      <alignment vertical="center"/>
    </xf>
    <xf numFmtId="0" fontId="0" fillId="0" borderId="4" xfId="0" applyBorder="1">
      <alignment vertical="center"/>
    </xf>
    <xf numFmtId="0" fontId="0" fillId="0" borderId="16" xfId="0" applyBorder="1">
      <alignment vertical="center"/>
    </xf>
    <xf numFmtId="0" fontId="0" fillId="0" borderId="17" xfId="0" applyBorder="1">
      <alignment vertical="center"/>
    </xf>
    <xf numFmtId="0" fontId="0" fillId="0" borderId="5" xfId="0" applyBorder="1">
      <alignment vertical="center"/>
    </xf>
    <xf numFmtId="0" fontId="0" fillId="0" borderId="6" xfId="0" applyBorder="1">
      <alignment vertical="center"/>
    </xf>
    <xf numFmtId="0" fontId="0" fillId="0" borderId="6" xfId="0" applyBorder="1" applyAlignment="1">
      <alignment vertical="center"/>
    </xf>
    <xf numFmtId="0" fontId="0" fillId="0" borderId="7" xfId="0" applyBorder="1">
      <alignment vertical="center"/>
    </xf>
    <xf numFmtId="0" fontId="0" fillId="0" borderId="18" xfId="0" applyBorder="1">
      <alignment vertical="center"/>
    </xf>
    <xf numFmtId="0" fontId="0" fillId="0" borderId="19" xfId="0" applyBorder="1" applyAlignment="1">
      <alignment vertical="center"/>
    </xf>
    <xf numFmtId="0" fontId="0" fillId="0" borderId="20" xfId="0" applyBorder="1" applyAlignment="1">
      <alignment vertical="center"/>
    </xf>
    <xf numFmtId="0" fontId="3" fillId="0" borderId="0" xfId="0" applyFont="1" applyAlignment="1">
      <alignment horizontal="center" vertical="center"/>
    </xf>
    <xf numFmtId="0" fontId="4" fillId="0" borderId="16" xfId="0" applyFont="1" applyBorder="1">
      <alignment vertical="center"/>
    </xf>
    <xf numFmtId="0" fontId="0" fillId="0" borderId="12" xfId="0" applyBorder="1" applyAlignment="1">
      <alignment horizontal="left" vertical="center"/>
    </xf>
    <xf numFmtId="0" fontId="3" fillId="0" borderId="0" xfId="0" applyFont="1">
      <alignment vertical="center"/>
    </xf>
    <xf numFmtId="0" fontId="0" fillId="0" borderId="11" xfId="0" applyBorder="1" applyAlignment="1">
      <alignment horizontal="left" vertical="center"/>
    </xf>
    <xf numFmtId="0" fontId="0" fillId="0" borderId="0" xfId="0" applyBorder="1" applyAlignment="1">
      <alignment horizontal="left" vertical="center"/>
    </xf>
    <xf numFmtId="0" fontId="0" fillId="0" borderId="11" xfId="0" applyBorder="1" applyAlignment="1">
      <alignment horizontal="left" vertical="center"/>
    </xf>
    <xf numFmtId="0" fontId="0" fillId="0" borderId="0" xfId="0" applyBorder="1" applyAlignment="1">
      <alignment horizontal="left" vertical="center"/>
    </xf>
    <xf numFmtId="0" fontId="3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0" fillId="0" borderId="0" xfId="0" applyBorder="1" applyAlignment="1">
      <alignment horizontal="center" vertical="center"/>
    </xf>
    <xf numFmtId="0" fontId="0" fillId="0" borderId="0" xfId="0" applyBorder="1" applyAlignment="1">
      <alignment horizontal="right" vertical="center"/>
    </xf>
    <xf numFmtId="0" fontId="4" fillId="0" borderId="2" xfId="0" applyFont="1" applyBorder="1" applyAlignment="1"/>
    <xf numFmtId="0" fontId="4" fillId="0" borderId="3" xfId="0" applyFont="1" applyBorder="1" applyAlignment="1"/>
    <xf numFmtId="0" fontId="4" fillId="0" borderId="4" xfId="0" applyFont="1" applyBorder="1" applyAlignment="1">
      <alignment horizontal="right"/>
    </xf>
    <xf numFmtId="0" fontId="4" fillId="0" borderId="5" xfId="0" applyFont="1" applyBorder="1" applyAlignment="1"/>
    <xf numFmtId="0" fontId="4" fillId="0" borderId="6" xfId="0" applyFont="1" applyBorder="1" applyAlignment="1"/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0" fillId="0" borderId="26" xfId="0" applyBorder="1" applyAlignment="1">
      <alignment horizontal="center" vertical="center"/>
    </xf>
    <xf numFmtId="0" fontId="0" fillId="0" borderId="27" xfId="0" applyBorder="1">
      <alignment vertical="center"/>
    </xf>
    <xf numFmtId="0" fontId="5" fillId="0" borderId="28" xfId="0" applyFont="1" applyBorder="1" applyAlignment="1">
      <alignment horizontal="center" vertical="center" shrinkToFit="1"/>
    </xf>
    <xf numFmtId="0" fontId="0" fillId="0" borderId="29" xfId="0" applyBorder="1" applyAlignment="1">
      <alignment horizontal="right" vertical="center"/>
    </xf>
    <xf numFmtId="0" fontId="0" fillId="0" borderId="30" xfId="0" applyBorder="1" applyAlignment="1">
      <alignment horizontal="center" vertical="center"/>
    </xf>
    <xf numFmtId="0" fontId="0" fillId="0" borderId="31" xfId="0" applyBorder="1" applyAlignment="1">
      <alignment horizontal="center" vertical="center"/>
    </xf>
    <xf numFmtId="0" fontId="0" fillId="0" borderId="1" xfId="0" applyBorder="1">
      <alignment vertical="center"/>
    </xf>
    <xf numFmtId="0" fontId="5" fillId="0" borderId="32" xfId="0" applyFont="1" applyBorder="1" applyAlignment="1">
      <alignment horizontal="center" vertical="center" shrinkToFit="1"/>
    </xf>
    <xf numFmtId="0" fontId="0" fillId="0" borderId="33" xfId="0" applyBorder="1" applyAlignment="1">
      <alignment horizontal="right" vertical="center"/>
    </xf>
    <xf numFmtId="0" fontId="0" fillId="0" borderId="34" xfId="0" applyBorder="1" applyAlignment="1">
      <alignment horizontal="center" vertical="center"/>
    </xf>
    <xf numFmtId="0" fontId="0" fillId="0" borderId="35" xfId="0" applyBorder="1" applyAlignment="1">
      <alignment horizontal="right" vertical="center"/>
    </xf>
    <xf numFmtId="0" fontId="0" fillId="0" borderId="36" xfId="0" applyBorder="1" applyAlignment="1">
      <alignment horizontal="center" vertical="center"/>
    </xf>
    <xf numFmtId="0" fontId="0" fillId="0" borderId="37" xfId="0" applyBorder="1">
      <alignment vertical="center"/>
    </xf>
    <xf numFmtId="0" fontId="5" fillId="0" borderId="38" xfId="0" applyFont="1" applyBorder="1" applyAlignment="1">
      <alignment horizontal="center" vertical="center" shrinkToFit="1"/>
    </xf>
    <xf numFmtId="0" fontId="0" fillId="0" borderId="39" xfId="0" applyBorder="1" applyAlignment="1">
      <alignment horizontal="right" vertical="center"/>
    </xf>
    <xf numFmtId="0" fontId="0" fillId="0" borderId="40" xfId="0" applyBorder="1" applyAlignment="1">
      <alignment horizontal="center" vertical="center"/>
    </xf>
    <xf numFmtId="0" fontId="0" fillId="0" borderId="41" xfId="0" applyBorder="1" applyAlignment="1">
      <alignment horizontal="right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11" xfId="0" applyBorder="1" applyAlignment="1">
      <alignment horizontal="left" vertical="center"/>
    </xf>
    <xf numFmtId="0" fontId="0" fillId="0" borderId="0" xfId="0" applyBorder="1" applyAlignment="1">
      <alignment horizontal="left" vertical="center"/>
    </xf>
    <xf numFmtId="0" fontId="3" fillId="0" borderId="0" xfId="0" applyFont="1" applyAlignment="1">
      <alignment horizontal="center" vertical="center" shrinkToFit="1"/>
    </xf>
    <xf numFmtId="0" fontId="2" fillId="0" borderId="0" xfId="0" applyFont="1" applyAlignment="1">
      <alignment horizontal="right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horizontal="right"/>
    </xf>
    <xf numFmtId="0" fontId="6" fillId="0" borderId="0" xfId="0" applyFont="1" applyAlignment="1">
      <alignment horizontal="left" vertical="center"/>
    </xf>
    <xf numFmtId="0" fontId="6" fillId="0" borderId="0" xfId="0" applyFont="1" applyAlignment="1">
      <alignment horizontal="left" vertical="center" shrinkToFit="1"/>
    </xf>
    <xf numFmtId="0" fontId="3" fillId="0" borderId="0" xfId="0" applyFont="1" applyAlignment="1">
      <alignment horizontal="center" vertical="center"/>
    </xf>
    <xf numFmtId="0" fontId="4" fillId="0" borderId="17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/>
    </xf>
    <xf numFmtId="0" fontId="4" fillId="0" borderId="7" xfId="0" applyFont="1" applyBorder="1" applyAlignment="1">
      <alignment horizontal="center"/>
    </xf>
    <xf numFmtId="0" fontId="4" fillId="0" borderId="0" xfId="0" applyFont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0" fillId="0" borderId="42" xfId="0" applyBorder="1" applyAlignment="1">
      <alignment horizontal="center" vertical="center"/>
    </xf>
    <xf numFmtId="0" fontId="0" fillId="0" borderId="43" xfId="0" applyBorder="1" applyAlignment="1">
      <alignment horizontal="center" vertical="center"/>
    </xf>
    <xf numFmtId="0" fontId="0" fillId="0" borderId="44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H57"/>
  <sheetViews>
    <sheetView tabSelected="1" topLeftCell="A25" workbookViewId="0">
      <selection activeCell="J32" sqref="J32"/>
    </sheetView>
  </sheetViews>
  <sheetFormatPr defaultRowHeight="13.5" x14ac:dyDescent="0.15"/>
  <cols>
    <col min="7" max="7" width="12.375" customWidth="1"/>
    <col min="8" max="8" width="14.875" customWidth="1"/>
  </cols>
  <sheetData>
    <row r="1" spans="1:8" ht="15" customHeight="1" x14ac:dyDescent="0.15">
      <c r="A1" s="25" t="s">
        <v>19</v>
      </c>
    </row>
    <row r="2" spans="1:8" ht="12.75" customHeight="1" x14ac:dyDescent="0.15">
      <c r="A2" s="25"/>
    </row>
    <row r="3" spans="1:8" ht="17.25" x14ac:dyDescent="0.15">
      <c r="A3" s="67" t="s">
        <v>46</v>
      </c>
      <c r="B3" s="67"/>
      <c r="C3" s="67"/>
      <c r="D3" s="67"/>
      <c r="E3" s="67"/>
      <c r="F3" s="67"/>
      <c r="G3" s="67"/>
      <c r="H3" s="67"/>
    </row>
    <row r="4" spans="1:8" ht="17.25" x14ac:dyDescent="0.15">
      <c r="A4" s="22"/>
      <c r="B4" s="22"/>
      <c r="C4" s="22"/>
      <c r="D4" s="22"/>
      <c r="E4" s="22"/>
      <c r="F4" s="22"/>
      <c r="G4" s="22"/>
      <c r="H4" s="22"/>
    </row>
    <row r="5" spans="1:8" ht="17.25" x14ac:dyDescent="0.15">
      <c r="A5" s="22"/>
      <c r="B5" s="22"/>
      <c r="C5" s="22"/>
      <c r="D5" s="22"/>
      <c r="E5" s="22"/>
      <c r="F5" s="22"/>
      <c r="G5" s="22"/>
      <c r="H5" s="22"/>
    </row>
    <row r="6" spans="1:8" x14ac:dyDescent="0.15">
      <c r="E6" s="68" t="s">
        <v>20</v>
      </c>
      <c r="F6" s="68"/>
      <c r="G6" s="68"/>
      <c r="H6" s="68"/>
    </row>
    <row r="7" spans="1:8" x14ac:dyDescent="0.15">
      <c r="A7" s="75" t="s">
        <v>0</v>
      </c>
      <c r="B7" s="75"/>
      <c r="C7" s="76" t="s">
        <v>15</v>
      </c>
      <c r="D7" s="76"/>
      <c r="E7" s="76"/>
      <c r="F7" s="76"/>
      <c r="G7" s="76"/>
      <c r="H7" s="76"/>
    </row>
    <row r="8" spans="1:8" x14ac:dyDescent="0.15">
      <c r="A8" s="75"/>
      <c r="B8" s="75"/>
      <c r="C8" s="76"/>
      <c r="D8" s="76"/>
      <c r="E8" s="76"/>
      <c r="F8" s="76"/>
      <c r="G8" s="76"/>
      <c r="H8" s="76"/>
    </row>
    <row r="9" spans="1:8" x14ac:dyDescent="0.15">
      <c r="A9" s="75"/>
      <c r="B9" s="75"/>
      <c r="C9" s="76"/>
      <c r="D9" s="76"/>
      <c r="E9" s="76"/>
      <c r="F9" s="76"/>
      <c r="G9" s="76"/>
      <c r="H9" s="76"/>
    </row>
    <row r="10" spans="1:8" x14ac:dyDescent="0.15">
      <c r="A10" s="75" t="s">
        <v>21</v>
      </c>
      <c r="B10" s="75"/>
      <c r="C10" s="75"/>
      <c r="D10" s="75"/>
      <c r="E10" s="75"/>
      <c r="F10" s="75"/>
      <c r="G10" s="75"/>
      <c r="H10" s="75"/>
    </row>
    <row r="11" spans="1:8" x14ac:dyDescent="0.15">
      <c r="A11" s="75"/>
      <c r="B11" s="75"/>
      <c r="C11" s="75"/>
      <c r="D11" s="75"/>
      <c r="E11" s="75"/>
      <c r="F11" s="75"/>
      <c r="G11" s="75"/>
      <c r="H11" s="75"/>
    </row>
    <row r="12" spans="1:8" x14ac:dyDescent="0.15">
      <c r="A12" s="75"/>
      <c r="B12" s="75"/>
      <c r="C12" s="75"/>
      <c r="D12" s="75"/>
      <c r="E12" s="75"/>
      <c r="F12" s="75"/>
      <c r="G12" s="75"/>
      <c r="H12" s="75"/>
    </row>
    <row r="13" spans="1:8" x14ac:dyDescent="0.15">
      <c r="A13" s="75" t="s">
        <v>1</v>
      </c>
      <c r="B13" s="75"/>
      <c r="C13" s="75"/>
      <c r="D13" s="75"/>
      <c r="E13" s="75"/>
      <c r="F13" s="75"/>
      <c r="G13" s="75"/>
      <c r="H13" s="75"/>
    </row>
    <row r="14" spans="1:8" x14ac:dyDescent="0.15">
      <c r="A14" s="75"/>
      <c r="B14" s="75"/>
      <c r="C14" s="75"/>
      <c r="D14" s="75"/>
      <c r="E14" s="75"/>
      <c r="F14" s="75"/>
      <c r="G14" s="75"/>
      <c r="H14" s="75"/>
    </row>
    <row r="15" spans="1:8" x14ac:dyDescent="0.15">
      <c r="A15" s="75"/>
      <c r="B15" s="75"/>
      <c r="C15" s="75"/>
      <c r="D15" s="75"/>
      <c r="E15" s="75"/>
      <c r="F15" s="75"/>
      <c r="G15" s="75"/>
      <c r="H15" s="75"/>
    </row>
    <row r="17" spans="1:8" x14ac:dyDescent="0.15">
      <c r="A17" s="69" t="s">
        <v>2</v>
      </c>
      <c r="B17" s="70"/>
      <c r="C17" s="70"/>
      <c r="D17" s="70"/>
      <c r="E17" s="70"/>
      <c r="F17" s="70"/>
      <c r="G17" s="70"/>
      <c r="H17" s="71"/>
    </row>
    <row r="18" spans="1:8" x14ac:dyDescent="0.15">
      <c r="A18" s="72"/>
      <c r="B18" s="73"/>
      <c r="C18" s="73"/>
      <c r="D18" s="73"/>
      <c r="E18" s="73"/>
      <c r="F18" s="73"/>
      <c r="G18" s="73"/>
      <c r="H18" s="74"/>
    </row>
    <row r="21" spans="1:8" x14ac:dyDescent="0.15">
      <c r="A21" t="s">
        <v>3</v>
      </c>
    </row>
    <row r="22" spans="1:8" x14ac:dyDescent="0.15">
      <c r="A22" t="s">
        <v>4</v>
      </c>
    </row>
    <row r="24" spans="1:8" x14ac:dyDescent="0.15">
      <c r="A24" s="8"/>
      <c r="B24" s="4"/>
      <c r="C24" s="4"/>
      <c r="D24" s="4"/>
      <c r="E24" s="4"/>
      <c r="F24" s="4"/>
      <c r="G24" s="4"/>
      <c r="H24" s="5"/>
    </row>
    <row r="25" spans="1:8" x14ac:dyDescent="0.15">
      <c r="A25" s="65" t="s">
        <v>17</v>
      </c>
      <c r="B25" s="66"/>
      <c r="C25" s="66"/>
      <c r="D25" s="66"/>
      <c r="E25" s="66"/>
      <c r="F25" s="66"/>
      <c r="G25" s="2"/>
      <c r="H25" s="24" t="s">
        <v>16</v>
      </c>
    </row>
    <row r="26" spans="1:8" x14ac:dyDescent="0.15">
      <c r="A26" s="26"/>
      <c r="B26" s="27"/>
      <c r="C26" s="27"/>
      <c r="D26" s="27"/>
      <c r="E26" s="27"/>
      <c r="F26" s="27"/>
      <c r="G26" s="2"/>
      <c r="H26" s="24"/>
    </row>
    <row r="27" spans="1:8" x14ac:dyDescent="0.15">
      <c r="A27" s="65" t="s">
        <v>5</v>
      </c>
      <c r="B27" s="66"/>
      <c r="C27" s="66"/>
      <c r="D27" s="66"/>
      <c r="E27" s="66"/>
      <c r="F27" s="66"/>
      <c r="G27" s="66"/>
      <c r="H27" s="24" t="s">
        <v>16</v>
      </c>
    </row>
    <row r="28" spans="1:8" x14ac:dyDescent="0.15">
      <c r="A28" s="26"/>
      <c r="B28" s="27"/>
      <c r="C28" s="27"/>
      <c r="D28" s="27"/>
      <c r="E28" s="27"/>
      <c r="F28" s="27"/>
      <c r="G28" s="27"/>
      <c r="H28" s="24"/>
    </row>
    <row r="29" spans="1:8" ht="13.5" customHeight="1" x14ac:dyDescent="0.15">
      <c r="A29" s="65" t="s">
        <v>6</v>
      </c>
      <c r="B29" s="66"/>
      <c r="C29" s="66"/>
      <c r="D29" s="66"/>
      <c r="E29" s="66"/>
      <c r="F29" s="66"/>
      <c r="G29" s="66"/>
      <c r="H29" s="24"/>
    </row>
    <row r="30" spans="1:8" x14ac:dyDescent="0.15">
      <c r="A30" s="9" t="s">
        <v>7</v>
      </c>
      <c r="B30" s="3"/>
      <c r="C30" s="3"/>
      <c r="D30" s="3"/>
      <c r="E30" s="3"/>
      <c r="F30" s="3"/>
      <c r="G30" s="2"/>
      <c r="H30" s="24" t="s">
        <v>16</v>
      </c>
    </row>
    <row r="31" spans="1:8" x14ac:dyDescent="0.15">
      <c r="A31" s="63"/>
      <c r="B31" s="64"/>
      <c r="C31" s="64"/>
      <c r="D31" s="64"/>
      <c r="E31" s="64"/>
      <c r="F31" s="64"/>
      <c r="G31" s="6"/>
      <c r="H31" s="7"/>
    </row>
    <row r="33" spans="1:1" x14ac:dyDescent="0.15">
      <c r="A33" t="s">
        <v>8</v>
      </c>
    </row>
    <row r="35" spans="1:1" x14ac:dyDescent="0.15">
      <c r="A35" t="s">
        <v>9</v>
      </c>
    </row>
    <row r="37" spans="1:1" x14ac:dyDescent="0.15">
      <c r="A37" t="s">
        <v>10</v>
      </c>
    </row>
    <row r="39" spans="1:1" x14ac:dyDescent="0.15">
      <c r="A39" t="s">
        <v>11</v>
      </c>
    </row>
    <row r="41" spans="1:1" x14ac:dyDescent="0.15">
      <c r="A41" t="s">
        <v>12</v>
      </c>
    </row>
    <row r="43" spans="1:1" x14ac:dyDescent="0.15">
      <c r="A43" t="s">
        <v>13</v>
      </c>
    </row>
    <row r="45" spans="1:1" x14ac:dyDescent="0.15">
      <c r="A45" t="s">
        <v>49</v>
      </c>
    </row>
    <row r="46" spans="1:1" x14ac:dyDescent="0.15">
      <c r="A46" t="s">
        <v>14</v>
      </c>
    </row>
    <row r="49" spans="1:8" x14ac:dyDescent="0.15">
      <c r="A49" s="10"/>
      <c r="B49" s="11"/>
      <c r="C49" s="11"/>
      <c r="D49" s="11"/>
      <c r="E49" s="11"/>
      <c r="F49" s="11"/>
      <c r="G49" s="11"/>
      <c r="H49" s="12"/>
    </row>
    <row r="50" spans="1:8" ht="14.25" x14ac:dyDescent="0.15">
      <c r="A50" s="23" t="s">
        <v>18</v>
      </c>
      <c r="B50" s="2"/>
      <c r="C50" s="2"/>
      <c r="D50" s="2"/>
      <c r="E50" s="2"/>
      <c r="F50" s="2"/>
      <c r="G50" s="2"/>
      <c r="H50" s="14"/>
    </row>
    <row r="51" spans="1:8" ht="14.25" thickBot="1" x14ac:dyDescent="0.2">
      <c r="A51" s="13"/>
      <c r="B51" s="2"/>
      <c r="C51" s="2"/>
      <c r="D51" s="2"/>
      <c r="E51" s="2"/>
      <c r="F51" s="2"/>
      <c r="G51" s="2"/>
      <c r="H51" s="14"/>
    </row>
    <row r="52" spans="1:8" ht="14.25" thickTop="1" x14ac:dyDescent="0.15">
      <c r="A52" s="13"/>
      <c r="B52" s="2"/>
      <c r="C52" s="2"/>
      <c r="D52" s="2"/>
      <c r="E52" s="2"/>
      <c r="F52" s="19"/>
      <c r="G52" s="2"/>
      <c r="H52" s="14"/>
    </row>
    <row r="53" spans="1:8" x14ac:dyDescent="0.15">
      <c r="A53" s="13"/>
      <c r="B53" s="2"/>
      <c r="C53" s="2"/>
      <c r="D53" s="2"/>
      <c r="E53" s="2"/>
      <c r="F53" s="20"/>
      <c r="G53" s="3"/>
      <c r="H53" s="14"/>
    </row>
    <row r="54" spans="1:8" ht="14.25" thickBot="1" x14ac:dyDescent="0.2">
      <c r="A54" s="13"/>
      <c r="B54" s="2"/>
      <c r="C54" s="2"/>
      <c r="D54" s="2"/>
      <c r="E54" s="2"/>
      <c r="F54" s="21"/>
      <c r="G54" s="3"/>
      <c r="H54" s="14"/>
    </row>
    <row r="55" spans="1:8" ht="14.25" thickTop="1" x14ac:dyDescent="0.15">
      <c r="A55" s="13"/>
      <c r="B55" s="2"/>
      <c r="C55" s="2"/>
      <c r="D55" s="2"/>
      <c r="E55" s="2"/>
      <c r="F55" s="3"/>
      <c r="G55" s="3"/>
      <c r="H55" s="14"/>
    </row>
    <row r="56" spans="1:8" x14ac:dyDescent="0.15">
      <c r="A56" s="15"/>
      <c r="B56" s="16"/>
      <c r="C56" s="16"/>
      <c r="D56" s="16"/>
      <c r="E56" s="16"/>
      <c r="F56" s="17"/>
      <c r="G56" s="17"/>
      <c r="H56" s="18"/>
    </row>
    <row r="57" spans="1:8" x14ac:dyDescent="0.15">
      <c r="F57" s="1"/>
      <c r="G57" s="1"/>
    </row>
  </sheetData>
  <mergeCells count="13">
    <mergeCell ref="A31:F31"/>
    <mergeCell ref="A29:G29"/>
    <mergeCell ref="A3:H3"/>
    <mergeCell ref="E6:H6"/>
    <mergeCell ref="A17:H18"/>
    <mergeCell ref="A25:F25"/>
    <mergeCell ref="A7:B9"/>
    <mergeCell ref="C7:H9"/>
    <mergeCell ref="A10:B12"/>
    <mergeCell ref="C10:H12"/>
    <mergeCell ref="A13:B15"/>
    <mergeCell ref="C13:H15"/>
    <mergeCell ref="A27:G27"/>
  </mergeCells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J41"/>
  <sheetViews>
    <sheetView topLeftCell="A31" workbookViewId="0">
      <selection activeCell="F45" sqref="F45"/>
    </sheetView>
  </sheetViews>
  <sheetFormatPr defaultRowHeight="13.5" x14ac:dyDescent="0.15"/>
  <cols>
    <col min="1" max="1" width="5.875" style="31" customWidth="1"/>
    <col min="2" max="2" width="21.625" customWidth="1"/>
    <col min="3" max="3" width="12.625" customWidth="1"/>
    <col min="4" max="4" width="13.125" customWidth="1"/>
    <col min="5" max="5" width="5.875" style="31" customWidth="1"/>
    <col min="6" max="6" width="21.75" customWidth="1"/>
    <col min="7" max="7" width="12.625" customWidth="1"/>
    <col min="8" max="8" width="13.125" customWidth="1"/>
  </cols>
  <sheetData>
    <row r="1" spans="1:10" ht="22.5" customHeight="1" x14ac:dyDescent="0.15">
      <c r="A1" s="25" t="s">
        <v>22</v>
      </c>
    </row>
    <row r="2" spans="1:10" ht="24" customHeight="1" x14ac:dyDescent="0.15">
      <c r="A2" s="79" t="s">
        <v>23</v>
      </c>
      <c r="B2" s="79"/>
      <c r="C2" s="79"/>
      <c r="D2" s="79"/>
      <c r="E2" s="79"/>
      <c r="F2" s="79"/>
      <c r="G2" s="79"/>
      <c r="H2" s="79"/>
      <c r="I2" s="32"/>
      <c r="J2" s="32"/>
    </row>
    <row r="3" spans="1:10" ht="17.25" x14ac:dyDescent="0.15">
      <c r="A3" s="30"/>
      <c r="B3" s="30"/>
      <c r="C3" s="30"/>
      <c r="D3" s="30"/>
      <c r="E3" s="30"/>
      <c r="F3" s="30"/>
      <c r="G3" s="30"/>
      <c r="H3" s="30"/>
      <c r="I3" s="32"/>
      <c r="J3" s="32"/>
    </row>
    <row r="4" spans="1:10" ht="17.25" x14ac:dyDescent="0.15">
      <c r="A4" s="80"/>
      <c r="B4" s="36"/>
      <c r="C4" s="37"/>
      <c r="D4" s="37"/>
      <c r="E4" s="37"/>
      <c r="F4" s="37"/>
      <c r="G4" s="38"/>
      <c r="H4" s="30"/>
      <c r="I4" s="32"/>
      <c r="J4" s="32"/>
    </row>
    <row r="5" spans="1:10" ht="17.25" x14ac:dyDescent="0.15">
      <c r="A5" s="80"/>
      <c r="B5" s="39"/>
      <c r="C5" s="40"/>
      <c r="D5" s="40"/>
      <c r="E5" s="40"/>
      <c r="F5" s="81" t="s">
        <v>24</v>
      </c>
      <c r="G5" s="82"/>
      <c r="H5" s="30"/>
      <c r="I5" s="32"/>
      <c r="J5" s="32"/>
    </row>
    <row r="6" spans="1:10" ht="17.25" x14ac:dyDescent="0.15">
      <c r="A6" s="80"/>
      <c r="B6" s="69" t="s">
        <v>25</v>
      </c>
      <c r="C6" s="70"/>
      <c r="D6" s="70"/>
      <c r="E6" s="70"/>
      <c r="F6" s="70"/>
      <c r="G6" s="71"/>
      <c r="H6" s="30"/>
      <c r="I6" s="32"/>
      <c r="J6" s="32"/>
    </row>
    <row r="7" spans="1:10" ht="17.25" x14ac:dyDescent="0.15">
      <c r="A7" s="80"/>
      <c r="B7" s="72"/>
      <c r="C7" s="73"/>
      <c r="D7" s="73"/>
      <c r="E7" s="73"/>
      <c r="F7" s="73"/>
      <c r="G7" s="74"/>
      <c r="H7" s="30"/>
      <c r="I7" s="32"/>
      <c r="J7" s="32"/>
    </row>
    <row r="9" spans="1:10" ht="14.25" customHeight="1" x14ac:dyDescent="0.15">
      <c r="A9" s="83"/>
      <c r="B9" s="83"/>
      <c r="C9" s="83"/>
      <c r="D9" s="83"/>
      <c r="E9" s="33"/>
      <c r="F9" s="33"/>
      <c r="G9" s="33"/>
    </row>
    <row r="10" spans="1:10" ht="13.5" customHeight="1" thickBot="1" x14ac:dyDescent="0.2">
      <c r="A10" s="84"/>
      <c r="B10" s="84"/>
      <c r="C10" s="84"/>
      <c r="D10" s="84"/>
      <c r="E10" s="33"/>
      <c r="F10" s="85" t="s">
        <v>26</v>
      </c>
      <c r="G10" s="85"/>
      <c r="H10" s="85"/>
    </row>
    <row r="11" spans="1:10" ht="27.95" customHeight="1" thickBot="1" x14ac:dyDescent="0.2">
      <c r="A11" s="41" t="s">
        <v>27</v>
      </c>
      <c r="B11" s="42" t="s">
        <v>28</v>
      </c>
      <c r="C11" s="43" t="s">
        <v>29</v>
      </c>
      <c r="D11" s="44" t="s">
        <v>30</v>
      </c>
      <c r="E11" s="45" t="s">
        <v>31</v>
      </c>
      <c r="F11" s="42" t="s">
        <v>28</v>
      </c>
      <c r="G11" s="43" t="s">
        <v>29</v>
      </c>
      <c r="H11" s="44" t="s">
        <v>30</v>
      </c>
    </row>
    <row r="12" spans="1:10" ht="27.95" customHeight="1" x14ac:dyDescent="0.15">
      <c r="A12" s="46">
        <v>1</v>
      </c>
      <c r="B12" s="47"/>
      <c r="C12" s="48" t="s">
        <v>32</v>
      </c>
      <c r="D12" s="49" t="s">
        <v>36</v>
      </c>
      <c r="E12" s="50">
        <v>26</v>
      </c>
      <c r="F12" s="47"/>
      <c r="G12" s="48" t="s">
        <v>32</v>
      </c>
      <c r="H12" s="49" t="s">
        <v>34</v>
      </c>
    </row>
    <row r="13" spans="1:10" ht="27.95" customHeight="1" x14ac:dyDescent="0.15">
      <c r="A13" s="51">
        <v>2</v>
      </c>
      <c r="B13" s="52"/>
      <c r="C13" s="53" t="s">
        <v>32</v>
      </c>
      <c r="D13" s="54" t="s">
        <v>33</v>
      </c>
      <c r="E13" s="55">
        <v>27</v>
      </c>
      <c r="F13" s="52"/>
      <c r="G13" s="53" t="s">
        <v>32</v>
      </c>
      <c r="H13" s="54" t="s">
        <v>36</v>
      </c>
    </row>
    <row r="14" spans="1:10" ht="27.95" customHeight="1" x14ac:dyDescent="0.15">
      <c r="A14" s="51">
        <v>3</v>
      </c>
      <c r="B14" s="52"/>
      <c r="C14" s="53" t="s">
        <v>32</v>
      </c>
      <c r="D14" s="54" t="s">
        <v>36</v>
      </c>
      <c r="E14" s="55">
        <v>28</v>
      </c>
      <c r="F14" s="52"/>
      <c r="G14" s="53" t="s">
        <v>32</v>
      </c>
      <c r="H14" s="54" t="s">
        <v>36</v>
      </c>
    </row>
    <row r="15" spans="1:10" ht="27.95" customHeight="1" x14ac:dyDescent="0.15">
      <c r="A15" s="51">
        <v>4</v>
      </c>
      <c r="B15" s="52"/>
      <c r="C15" s="53" t="s">
        <v>32</v>
      </c>
      <c r="D15" s="54" t="s">
        <v>36</v>
      </c>
      <c r="E15" s="55">
        <v>29</v>
      </c>
      <c r="F15" s="52"/>
      <c r="G15" s="53" t="s">
        <v>32</v>
      </c>
      <c r="H15" s="54" t="s">
        <v>34</v>
      </c>
    </row>
    <row r="16" spans="1:10" ht="27.95" customHeight="1" x14ac:dyDescent="0.15">
      <c r="A16" s="51">
        <v>5</v>
      </c>
      <c r="B16" s="52"/>
      <c r="C16" s="53" t="s">
        <v>32</v>
      </c>
      <c r="D16" s="54" t="s">
        <v>34</v>
      </c>
      <c r="E16" s="55">
        <v>30</v>
      </c>
      <c r="F16" s="52"/>
      <c r="G16" s="53" t="s">
        <v>32</v>
      </c>
      <c r="H16" s="54" t="s">
        <v>36</v>
      </c>
    </row>
    <row r="17" spans="1:8" ht="27.95" customHeight="1" x14ac:dyDescent="0.15">
      <c r="A17" s="51">
        <v>6</v>
      </c>
      <c r="B17" s="52"/>
      <c r="C17" s="53" t="s">
        <v>32</v>
      </c>
      <c r="D17" s="54" t="s">
        <v>36</v>
      </c>
      <c r="E17" s="55">
        <v>31</v>
      </c>
      <c r="F17" s="52"/>
      <c r="G17" s="53" t="s">
        <v>32</v>
      </c>
      <c r="H17" s="54" t="s">
        <v>36</v>
      </c>
    </row>
    <row r="18" spans="1:8" ht="27.95" customHeight="1" x14ac:dyDescent="0.15">
      <c r="A18" s="51">
        <v>7</v>
      </c>
      <c r="B18" s="52"/>
      <c r="C18" s="53" t="s">
        <v>32</v>
      </c>
      <c r="D18" s="54" t="s">
        <v>36</v>
      </c>
      <c r="E18" s="55">
        <v>32</v>
      </c>
      <c r="F18" s="52"/>
      <c r="G18" s="53" t="s">
        <v>32</v>
      </c>
      <c r="H18" s="54" t="s">
        <v>34</v>
      </c>
    </row>
    <row r="19" spans="1:8" ht="27.95" customHeight="1" x14ac:dyDescent="0.15">
      <c r="A19" s="51">
        <v>8</v>
      </c>
      <c r="B19" s="52"/>
      <c r="C19" s="53" t="s">
        <v>32</v>
      </c>
      <c r="D19" s="54" t="s">
        <v>34</v>
      </c>
      <c r="E19" s="55">
        <v>33</v>
      </c>
      <c r="F19" s="52"/>
      <c r="G19" s="53" t="s">
        <v>32</v>
      </c>
      <c r="H19" s="54" t="s">
        <v>34</v>
      </c>
    </row>
    <row r="20" spans="1:8" ht="27.95" customHeight="1" x14ac:dyDescent="0.15">
      <c r="A20" s="51">
        <v>9</v>
      </c>
      <c r="B20" s="52"/>
      <c r="C20" s="53" t="s">
        <v>32</v>
      </c>
      <c r="D20" s="54" t="s">
        <v>36</v>
      </c>
      <c r="E20" s="55">
        <v>34</v>
      </c>
      <c r="F20" s="52"/>
      <c r="G20" s="53" t="s">
        <v>32</v>
      </c>
      <c r="H20" s="54" t="s">
        <v>34</v>
      </c>
    </row>
    <row r="21" spans="1:8" ht="27.95" customHeight="1" x14ac:dyDescent="0.15">
      <c r="A21" s="51">
        <v>10</v>
      </c>
      <c r="B21" s="52"/>
      <c r="C21" s="53" t="s">
        <v>32</v>
      </c>
      <c r="D21" s="54" t="s">
        <v>36</v>
      </c>
      <c r="E21" s="55">
        <v>35</v>
      </c>
      <c r="F21" s="52"/>
      <c r="G21" s="53" t="s">
        <v>32</v>
      </c>
      <c r="H21" s="54" t="s">
        <v>33</v>
      </c>
    </row>
    <row r="22" spans="1:8" ht="27.95" customHeight="1" x14ac:dyDescent="0.15">
      <c r="A22" s="51">
        <v>11</v>
      </c>
      <c r="B22" s="52"/>
      <c r="C22" s="53" t="s">
        <v>32</v>
      </c>
      <c r="D22" s="54" t="s">
        <v>36</v>
      </c>
      <c r="E22" s="55">
        <v>36</v>
      </c>
      <c r="F22" s="52"/>
      <c r="G22" s="53" t="s">
        <v>32</v>
      </c>
      <c r="H22" s="54" t="s">
        <v>34</v>
      </c>
    </row>
    <row r="23" spans="1:8" ht="27.95" customHeight="1" x14ac:dyDescent="0.15">
      <c r="A23" s="51">
        <v>12</v>
      </c>
      <c r="B23" s="52"/>
      <c r="C23" s="53" t="s">
        <v>32</v>
      </c>
      <c r="D23" s="54" t="s">
        <v>36</v>
      </c>
      <c r="E23" s="55">
        <v>37</v>
      </c>
      <c r="F23" s="52"/>
      <c r="G23" s="53" t="s">
        <v>32</v>
      </c>
      <c r="H23" s="54" t="s">
        <v>34</v>
      </c>
    </row>
    <row r="24" spans="1:8" ht="27.95" customHeight="1" x14ac:dyDescent="0.15">
      <c r="A24" s="51">
        <v>13</v>
      </c>
      <c r="B24" s="52"/>
      <c r="C24" s="53" t="s">
        <v>32</v>
      </c>
      <c r="D24" s="54" t="s">
        <v>33</v>
      </c>
      <c r="E24" s="55">
        <v>38</v>
      </c>
      <c r="F24" s="52"/>
      <c r="G24" s="53" t="s">
        <v>32</v>
      </c>
      <c r="H24" s="54" t="s">
        <v>34</v>
      </c>
    </row>
    <row r="25" spans="1:8" ht="27.95" customHeight="1" x14ac:dyDescent="0.15">
      <c r="A25" s="51">
        <v>14</v>
      </c>
      <c r="B25" s="52"/>
      <c r="C25" s="53" t="s">
        <v>32</v>
      </c>
      <c r="D25" s="54" t="s">
        <v>33</v>
      </c>
      <c r="E25" s="55">
        <v>39</v>
      </c>
      <c r="F25" s="52"/>
      <c r="G25" s="53" t="s">
        <v>32</v>
      </c>
      <c r="H25" s="54" t="s">
        <v>36</v>
      </c>
    </row>
    <row r="26" spans="1:8" ht="27.95" customHeight="1" x14ac:dyDescent="0.15">
      <c r="A26" s="51">
        <v>15</v>
      </c>
      <c r="B26" s="52"/>
      <c r="C26" s="53" t="s">
        <v>32</v>
      </c>
      <c r="D26" s="54" t="s">
        <v>34</v>
      </c>
      <c r="E26" s="55">
        <v>40</v>
      </c>
      <c r="F26" s="52"/>
      <c r="G26" s="53" t="s">
        <v>32</v>
      </c>
      <c r="H26" s="54" t="s">
        <v>34</v>
      </c>
    </row>
    <row r="27" spans="1:8" ht="27.95" customHeight="1" x14ac:dyDescent="0.15">
      <c r="A27" s="51">
        <v>16</v>
      </c>
      <c r="B27" s="52"/>
      <c r="C27" s="53" t="s">
        <v>32</v>
      </c>
      <c r="D27" s="54" t="s">
        <v>36</v>
      </c>
      <c r="E27" s="55">
        <v>41</v>
      </c>
      <c r="F27" s="52"/>
      <c r="G27" s="53" t="s">
        <v>32</v>
      </c>
      <c r="H27" s="54" t="s">
        <v>36</v>
      </c>
    </row>
    <row r="28" spans="1:8" ht="27.95" customHeight="1" x14ac:dyDescent="0.15">
      <c r="A28" s="51">
        <v>17</v>
      </c>
      <c r="B28" s="52"/>
      <c r="C28" s="53" t="s">
        <v>32</v>
      </c>
      <c r="D28" s="54" t="s">
        <v>34</v>
      </c>
      <c r="E28" s="55">
        <v>42</v>
      </c>
      <c r="F28" s="52"/>
      <c r="G28" s="53" t="s">
        <v>32</v>
      </c>
      <c r="H28" s="54" t="s">
        <v>36</v>
      </c>
    </row>
    <row r="29" spans="1:8" ht="27.95" customHeight="1" x14ac:dyDescent="0.15">
      <c r="A29" s="51">
        <v>18</v>
      </c>
      <c r="B29" s="52"/>
      <c r="C29" s="53" t="s">
        <v>32</v>
      </c>
      <c r="D29" s="54" t="s">
        <v>33</v>
      </c>
      <c r="E29" s="55">
        <v>43</v>
      </c>
      <c r="F29" s="52"/>
      <c r="G29" s="53" t="s">
        <v>32</v>
      </c>
      <c r="H29" s="54" t="s">
        <v>34</v>
      </c>
    </row>
    <row r="30" spans="1:8" ht="27.95" customHeight="1" x14ac:dyDescent="0.15">
      <c r="A30" s="51">
        <v>19</v>
      </c>
      <c r="B30" s="52"/>
      <c r="C30" s="53" t="s">
        <v>32</v>
      </c>
      <c r="D30" s="54" t="s">
        <v>33</v>
      </c>
      <c r="E30" s="55">
        <v>44</v>
      </c>
      <c r="F30" s="52"/>
      <c r="G30" s="53" t="s">
        <v>32</v>
      </c>
      <c r="H30" s="54" t="s">
        <v>36</v>
      </c>
    </row>
    <row r="31" spans="1:8" ht="27.95" customHeight="1" x14ac:dyDescent="0.15">
      <c r="A31" s="51">
        <v>20</v>
      </c>
      <c r="B31" s="52"/>
      <c r="C31" s="53" t="s">
        <v>32</v>
      </c>
      <c r="D31" s="54" t="s">
        <v>36</v>
      </c>
      <c r="E31" s="55">
        <v>45</v>
      </c>
      <c r="F31" s="52"/>
      <c r="G31" s="53" t="s">
        <v>32</v>
      </c>
      <c r="H31" s="54" t="s">
        <v>34</v>
      </c>
    </row>
    <row r="32" spans="1:8" ht="27.95" customHeight="1" x14ac:dyDescent="0.15">
      <c r="A32" s="51">
        <v>21</v>
      </c>
      <c r="B32" s="52"/>
      <c r="C32" s="53" t="s">
        <v>32</v>
      </c>
      <c r="D32" s="54" t="s">
        <v>36</v>
      </c>
      <c r="E32" s="55">
        <v>46</v>
      </c>
      <c r="F32" s="52"/>
      <c r="G32" s="53" t="s">
        <v>32</v>
      </c>
      <c r="H32" s="54" t="s">
        <v>36</v>
      </c>
    </row>
    <row r="33" spans="1:8" ht="27.95" customHeight="1" x14ac:dyDescent="0.15">
      <c r="A33" s="51">
        <v>22</v>
      </c>
      <c r="B33" s="52"/>
      <c r="C33" s="53" t="s">
        <v>32</v>
      </c>
      <c r="D33" s="54" t="s">
        <v>34</v>
      </c>
      <c r="E33" s="55">
        <v>47</v>
      </c>
      <c r="F33" s="52"/>
      <c r="G33" s="53" t="s">
        <v>32</v>
      </c>
      <c r="H33" s="54" t="s">
        <v>34</v>
      </c>
    </row>
    <row r="34" spans="1:8" ht="27.95" customHeight="1" x14ac:dyDescent="0.15">
      <c r="A34" s="51">
        <v>23</v>
      </c>
      <c r="B34" s="52"/>
      <c r="C34" s="53" t="s">
        <v>32</v>
      </c>
      <c r="D34" s="56" t="s">
        <v>33</v>
      </c>
      <c r="E34" s="55">
        <v>48</v>
      </c>
      <c r="F34" s="52"/>
      <c r="G34" s="53" t="s">
        <v>32</v>
      </c>
      <c r="H34" s="54" t="s">
        <v>34</v>
      </c>
    </row>
    <row r="35" spans="1:8" ht="27.95" customHeight="1" x14ac:dyDescent="0.15">
      <c r="A35" s="51">
        <v>24</v>
      </c>
      <c r="B35" s="52"/>
      <c r="C35" s="53" t="s">
        <v>32</v>
      </c>
      <c r="D35" s="56" t="s">
        <v>36</v>
      </c>
      <c r="E35" s="55">
        <v>49</v>
      </c>
      <c r="F35" s="52"/>
      <c r="G35" s="53" t="s">
        <v>32</v>
      </c>
      <c r="H35" s="54" t="s">
        <v>36</v>
      </c>
    </row>
    <row r="36" spans="1:8" ht="27.95" customHeight="1" thickBot="1" x14ac:dyDescent="0.2">
      <c r="A36" s="57">
        <v>25</v>
      </c>
      <c r="B36" s="58"/>
      <c r="C36" s="59" t="s">
        <v>32</v>
      </c>
      <c r="D36" s="60" t="s">
        <v>36</v>
      </c>
      <c r="E36" s="61">
        <v>50</v>
      </c>
      <c r="F36" s="58"/>
      <c r="G36" s="59" t="s">
        <v>32</v>
      </c>
      <c r="H36" s="62" t="s">
        <v>34</v>
      </c>
    </row>
    <row r="37" spans="1:8" ht="14.25" customHeight="1" x14ac:dyDescent="0.15">
      <c r="A37" s="34"/>
      <c r="B37" s="2"/>
      <c r="C37" s="2"/>
      <c r="D37" s="35"/>
      <c r="E37" s="34"/>
      <c r="F37" s="2"/>
      <c r="G37" s="2"/>
      <c r="H37" s="35"/>
    </row>
    <row r="39" spans="1:8" x14ac:dyDescent="0.15">
      <c r="A39" s="77" t="s">
        <v>45</v>
      </c>
      <c r="B39" s="77"/>
      <c r="C39" s="77"/>
      <c r="D39" s="77"/>
      <c r="E39" s="77"/>
      <c r="F39" s="77"/>
      <c r="G39" s="77"/>
      <c r="H39" s="77"/>
    </row>
    <row r="41" spans="1:8" x14ac:dyDescent="0.15">
      <c r="A41" s="78" t="s">
        <v>35</v>
      </c>
      <c r="B41" s="78"/>
      <c r="C41" s="78"/>
      <c r="D41" s="78"/>
      <c r="E41" s="78"/>
      <c r="F41" s="78"/>
      <c r="G41" s="78"/>
      <c r="H41" s="78"/>
    </row>
  </sheetData>
  <mergeCells count="9">
    <mergeCell ref="A39:H39"/>
    <mergeCell ref="A41:H41"/>
    <mergeCell ref="A2:H2"/>
    <mergeCell ref="A4:A5"/>
    <mergeCell ref="F5:G5"/>
    <mergeCell ref="A6:A7"/>
    <mergeCell ref="B6:G7"/>
    <mergeCell ref="A9:D10"/>
    <mergeCell ref="F10:H10"/>
  </mergeCells>
  <phoneticPr fontId="1"/>
  <pageMargins left="0.7" right="0.7" top="0.75" bottom="0.75" header="0.3" footer="0.3"/>
  <pageSetup paperSize="9" scale="83" fitToHeight="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H52"/>
  <sheetViews>
    <sheetView topLeftCell="A34" workbookViewId="0">
      <selection activeCell="K40" sqref="K40"/>
    </sheetView>
  </sheetViews>
  <sheetFormatPr defaultRowHeight="13.5" x14ac:dyDescent="0.15"/>
  <cols>
    <col min="7" max="7" width="12.375" customWidth="1"/>
    <col min="8" max="8" width="14.875" customWidth="1"/>
  </cols>
  <sheetData>
    <row r="1" spans="1:8" ht="20.25" customHeight="1" x14ac:dyDescent="0.15">
      <c r="A1" s="25" t="s">
        <v>47</v>
      </c>
    </row>
    <row r="2" spans="1:8" ht="12.75" customHeight="1" x14ac:dyDescent="0.15">
      <c r="A2" s="25"/>
    </row>
    <row r="3" spans="1:8" ht="17.25" x14ac:dyDescent="0.15">
      <c r="A3" s="67" t="s">
        <v>46</v>
      </c>
      <c r="B3" s="67"/>
      <c r="C3" s="67"/>
      <c r="D3" s="67"/>
      <c r="E3" s="67"/>
      <c r="F3" s="67"/>
      <c r="G3" s="67"/>
      <c r="H3" s="67"/>
    </row>
    <row r="4" spans="1:8" ht="17.25" x14ac:dyDescent="0.15">
      <c r="A4" s="30"/>
      <c r="B4" s="30"/>
      <c r="C4" s="30"/>
      <c r="D4" s="30"/>
      <c r="E4" s="30"/>
      <c r="F4" s="30"/>
      <c r="G4" s="30"/>
      <c r="H4" s="30"/>
    </row>
    <row r="5" spans="1:8" ht="17.25" x14ac:dyDescent="0.15">
      <c r="A5" s="30"/>
      <c r="B5" s="30"/>
      <c r="C5" s="30"/>
      <c r="D5" s="30"/>
      <c r="E5" s="30"/>
      <c r="F5" s="30"/>
      <c r="G5" s="30"/>
      <c r="H5" s="30"/>
    </row>
    <row r="6" spans="1:8" x14ac:dyDescent="0.15">
      <c r="E6" s="68" t="s">
        <v>37</v>
      </c>
      <c r="F6" s="68"/>
      <c r="G6" s="68"/>
      <c r="H6" s="68"/>
    </row>
    <row r="7" spans="1:8" x14ac:dyDescent="0.15">
      <c r="A7" s="89" t="s">
        <v>25</v>
      </c>
      <c r="B7" s="90"/>
      <c r="C7" s="90"/>
      <c r="D7" s="90"/>
      <c r="E7" s="90"/>
      <c r="F7" s="90"/>
      <c r="G7" s="90"/>
      <c r="H7" s="91"/>
    </row>
    <row r="8" spans="1:8" x14ac:dyDescent="0.15">
      <c r="A8" s="92"/>
      <c r="B8" s="93"/>
      <c r="C8" s="93"/>
      <c r="D8" s="93"/>
      <c r="E8" s="93"/>
      <c r="F8" s="93"/>
      <c r="G8" s="93"/>
      <c r="H8" s="94"/>
    </row>
    <row r="9" spans="1:8" x14ac:dyDescent="0.15">
      <c r="A9" s="95"/>
      <c r="B9" s="96"/>
      <c r="C9" s="96"/>
      <c r="D9" s="96"/>
      <c r="E9" s="96"/>
      <c r="F9" s="96"/>
      <c r="G9" s="96"/>
      <c r="H9" s="97"/>
    </row>
    <row r="10" spans="1:8" x14ac:dyDescent="0.15">
      <c r="A10" s="75" t="s">
        <v>38</v>
      </c>
      <c r="B10" s="75"/>
      <c r="C10" s="76" t="s">
        <v>39</v>
      </c>
      <c r="D10" s="76"/>
      <c r="E10" s="76"/>
      <c r="F10" s="76"/>
      <c r="G10" s="76"/>
      <c r="H10" s="76"/>
    </row>
    <row r="11" spans="1:8" x14ac:dyDescent="0.15">
      <c r="A11" s="75"/>
      <c r="B11" s="75"/>
      <c r="C11" s="76"/>
      <c r="D11" s="76"/>
      <c r="E11" s="76"/>
      <c r="F11" s="76"/>
      <c r="G11" s="76"/>
      <c r="H11" s="76"/>
    </row>
    <row r="12" spans="1:8" x14ac:dyDescent="0.15">
      <c r="A12" s="75"/>
      <c r="B12" s="75"/>
      <c r="C12" s="76"/>
      <c r="D12" s="76"/>
      <c r="E12" s="76"/>
      <c r="F12" s="76"/>
      <c r="G12" s="76"/>
      <c r="H12" s="76"/>
    </row>
    <row r="13" spans="1:8" x14ac:dyDescent="0.15">
      <c r="A13" s="75" t="s">
        <v>28</v>
      </c>
      <c r="B13" s="75"/>
      <c r="C13" s="75"/>
      <c r="D13" s="75"/>
      <c r="E13" s="75"/>
      <c r="F13" s="75"/>
      <c r="G13" s="75"/>
      <c r="H13" s="75"/>
    </row>
    <row r="14" spans="1:8" x14ac:dyDescent="0.15">
      <c r="A14" s="75"/>
      <c r="B14" s="75"/>
      <c r="C14" s="75"/>
      <c r="D14" s="75"/>
      <c r="E14" s="75"/>
      <c r="F14" s="75"/>
      <c r="G14" s="75"/>
      <c r="H14" s="75"/>
    </row>
    <row r="15" spans="1:8" x14ac:dyDescent="0.15">
      <c r="A15" s="75"/>
      <c r="B15" s="75"/>
      <c r="C15" s="75"/>
      <c r="D15" s="75"/>
      <c r="E15" s="75"/>
      <c r="F15" s="75"/>
      <c r="G15" s="75"/>
      <c r="H15" s="75"/>
    </row>
    <row r="16" spans="1:8" x14ac:dyDescent="0.15">
      <c r="A16" s="75" t="s">
        <v>1</v>
      </c>
      <c r="B16" s="75"/>
      <c r="C16" s="75"/>
      <c r="D16" s="75"/>
      <c r="E16" s="75"/>
      <c r="F16" s="75"/>
      <c r="G16" s="75"/>
      <c r="H16" s="75"/>
    </row>
    <row r="17" spans="1:8" x14ac:dyDescent="0.15">
      <c r="A17" s="75"/>
      <c r="B17" s="75"/>
      <c r="C17" s="75"/>
      <c r="D17" s="75"/>
      <c r="E17" s="75"/>
      <c r="F17" s="75"/>
      <c r="G17" s="75"/>
      <c r="H17" s="75"/>
    </row>
    <row r="18" spans="1:8" x14ac:dyDescent="0.15">
      <c r="A18" s="75"/>
      <c r="B18" s="75"/>
      <c r="C18" s="75"/>
      <c r="D18" s="75"/>
      <c r="E18" s="75"/>
      <c r="F18" s="75"/>
      <c r="G18" s="75"/>
      <c r="H18" s="75"/>
    </row>
    <row r="19" spans="1:8" x14ac:dyDescent="0.15">
      <c r="A19" s="86" t="s">
        <v>40</v>
      </c>
      <c r="B19" s="86"/>
      <c r="C19" s="86" t="s">
        <v>41</v>
      </c>
      <c r="D19" s="86"/>
      <c r="E19" s="86"/>
      <c r="F19" s="86"/>
      <c r="G19" s="86"/>
      <c r="H19" s="86"/>
    </row>
    <row r="20" spans="1:8" x14ac:dyDescent="0.15">
      <c r="A20" s="87"/>
      <c r="B20" s="87"/>
      <c r="C20" s="87"/>
      <c r="D20" s="87"/>
      <c r="E20" s="87"/>
      <c r="F20" s="87"/>
      <c r="G20" s="87"/>
      <c r="H20" s="87"/>
    </row>
    <row r="21" spans="1:8" x14ac:dyDescent="0.15">
      <c r="A21" s="88"/>
      <c r="B21" s="88"/>
      <c r="C21" s="88"/>
      <c r="D21" s="88"/>
      <c r="E21" s="88"/>
      <c r="F21" s="88"/>
      <c r="G21" s="88"/>
      <c r="H21" s="88"/>
    </row>
    <row r="24" spans="1:8" x14ac:dyDescent="0.15">
      <c r="A24" t="s">
        <v>42</v>
      </c>
    </row>
    <row r="25" spans="1:8" x14ac:dyDescent="0.15">
      <c r="A25" t="s">
        <v>4</v>
      </c>
    </row>
    <row r="27" spans="1:8" x14ac:dyDescent="0.15">
      <c r="A27" s="8"/>
      <c r="B27" s="4"/>
      <c r="C27" s="4"/>
      <c r="D27" s="4"/>
      <c r="E27" s="4"/>
      <c r="F27" s="4"/>
      <c r="G27" s="4"/>
      <c r="H27" s="5"/>
    </row>
    <row r="28" spans="1:8" x14ac:dyDescent="0.15">
      <c r="A28" s="65" t="s">
        <v>17</v>
      </c>
      <c r="B28" s="66"/>
      <c r="C28" s="66"/>
      <c r="D28" s="66"/>
      <c r="E28" s="66"/>
      <c r="F28" s="66"/>
      <c r="G28" s="2"/>
      <c r="H28" s="24" t="s">
        <v>16</v>
      </c>
    </row>
    <row r="29" spans="1:8" x14ac:dyDescent="0.15">
      <c r="A29" s="28"/>
      <c r="B29" s="29"/>
      <c r="C29" s="29"/>
      <c r="D29" s="29"/>
      <c r="E29" s="29"/>
      <c r="F29" s="29"/>
      <c r="G29" s="2"/>
      <c r="H29" s="24"/>
    </row>
    <row r="30" spans="1:8" x14ac:dyDescent="0.15">
      <c r="A30" s="65" t="s">
        <v>5</v>
      </c>
      <c r="B30" s="66"/>
      <c r="C30" s="66"/>
      <c r="D30" s="66"/>
      <c r="E30" s="66"/>
      <c r="F30" s="66"/>
      <c r="G30" s="66"/>
      <c r="H30" s="24" t="s">
        <v>16</v>
      </c>
    </row>
    <row r="31" spans="1:8" x14ac:dyDescent="0.15">
      <c r="A31" s="28"/>
      <c r="B31" s="29"/>
      <c r="C31" s="29"/>
      <c r="D31" s="29"/>
      <c r="E31" s="29"/>
      <c r="F31" s="29"/>
      <c r="G31" s="29"/>
      <c r="H31" s="24"/>
    </row>
    <row r="32" spans="1:8" ht="13.5" customHeight="1" x14ac:dyDescent="0.15">
      <c r="A32" s="65" t="s">
        <v>6</v>
      </c>
      <c r="B32" s="66"/>
      <c r="C32" s="66"/>
      <c r="D32" s="66"/>
      <c r="E32" s="66"/>
      <c r="F32" s="66"/>
      <c r="G32" s="66"/>
      <c r="H32" s="24"/>
    </row>
    <row r="33" spans="1:8" x14ac:dyDescent="0.15">
      <c r="A33" s="9" t="s">
        <v>7</v>
      </c>
      <c r="B33" s="3"/>
      <c r="C33" s="3"/>
      <c r="D33" s="3"/>
      <c r="E33" s="3"/>
      <c r="F33" s="3"/>
      <c r="G33" s="2"/>
      <c r="H33" s="24" t="s">
        <v>16</v>
      </c>
    </row>
    <row r="34" spans="1:8" x14ac:dyDescent="0.15">
      <c r="A34" s="63"/>
      <c r="B34" s="64"/>
      <c r="C34" s="64"/>
      <c r="D34" s="64"/>
      <c r="E34" s="64"/>
      <c r="F34" s="64"/>
      <c r="G34" s="6"/>
      <c r="H34" s="7"/>
    </row>
    <row r="36" spans="1:8" x14ac:dyDescent="0.15">
      <c r="A36" t="s">
        <v>43</v>
      </c>
    </row>
    <row r="38" spans="1:8" x14ac:dyDescent="0.15">
      <c r="A38" t="s">
        <v>9</v>
      </c>
    </row>
    <row r="40" spans="1:8" x14ac:dyDescent="0.15">
      <c r="A40" t="s">
        <v>48</v>
      </c>
    </row>
    <row r="41" spans="1:8" x14ac:dyDescent="0.15">
      <c r="A41" t="s">
        <v>14</v>
      </c>
    </row>
    <row r="44" spans="1:8" x14ac:dyDescent="0.15">
      <c r="A44" s="10"/>
      <c r="B44" s="11"/>
      <c r="C44" s="11"/>
      <c r="D44" s="11"/>
      <c r="E44" s="11"/>
      <c r="F44" s="11"/>
      <c r="G44" s="11"/>
      <c r="H44" s="12"/>
    </row>
    <row r="45" spans="1:8" ht="14.25" x14ac:dyDescent="0.15">
      <c r="A45" s="23" t="s">
        <v>44</v>
      </c>
      <c r="B45" s="2"/>
      <c r="C45" s="2"/>
      <c r="D45" s="2"/>
      <c r="E45" s="2"/>
      <c r="F45" s="2"/>
      <c r="G45" s="2"/>
      <c r="H45" s="14"/>
    </row>
    <row r="46" spans="1:8" ht="14.25" thickBot="1" x14ac:dyDescent="0.2">
      <c r="A46" s="13"/>
      <c r="B46" s="2"/>
      <c r="C46" s="2"/>
      <c r="D46" s="2"/>
      <c r="E46" s="2"/>
      <c r="F46" s="2"/>
      <c r="G46" s="2"/>
      <c r="H46" s="14"/>
    </row>
    <row r="47" spans="1:8" ht="14.25" thickTop="1" x14ac:dyDescent="0.15">
      <c r="A47" s="13"/>
      <c r="B47" s="2"/>
      <c r="C47" s="2"/>
      <c r="D47" s="2"/>
      <c r="E47" s="2"/>
      <c r="F47" s="19"/>
      <c r="G47" s="2"/>
      <c r="H47" s="14"/>
    </row>
    <row r="48" spans="1:8" x14ac:dyDescent="0.15">
      <c r="A48" s="13"/>
      <c r="B48" s="2"/>
      <c r="C48" s="2"/>
      <c r="D48" s="2"/>
      <c r="E48" s="2"/>
      <c r="F48" s="20"/>
      <c r="G48" s="3"/>
      <c r="H48" s="14"/>
    </row>
    <row r="49" spans="1:8" ht="14.25" thickBot="1" x14ac:dyDescent="0.2">
      <c r="A49" s="13"/>
      <c r="B49" s="2"/>
      <c r="C49" s="2"/>
      <c r="D49" s="2"/>
      <c r="E49" s="2"/>
      <c r="F49" s="21"/>
      <c r="G49" s="3"/>
      <c r="H49" s="14"/>
    </row>
    <row r="50" spans="1:8" ht="14.25" thickTop="1" x14ac:dyDescent="0.15">
      <c r="A50" s="13"/>
      <c r="B50" s="2"/>
      <c r="C50" s="2"/>
      <c r="D50" s="2"/>
      <c r="E50" s="2"/>
      <c r="F50" s="3"/>
      <c r="G50" s="3"/>
      <c r="H50" s="14"/>
    </row>
    <row r="51" spans="1:8" x14ac:dyDescent="0.15">
      <c r="A51" s="15"/>
      <c r="B51" s="16"/>
      <c r="C51" s="16"/>
      <c r="D51" s="16"/>
      <c r="E51" s="16"/>
      <c r="F51" s="17"/>
      <c r="G51" s="17"/>
      <c r="H51" s="18"/>
    </row>
    <row r="52" spans="1:8" x14ac:dyDescent="0.15">
      <c r="F52" s="1"/>
      <c r="G52" s="1"/>
    </row>
  </sheetData>
  <mergeCells count="15">
    <mergeCell ref="A13:B15"/>
    <mergeCell ref="C13:H15"/>
    <mergeCell ref="A3:H3"/>
    <mergeCell ref="E6:H6"/>
    <mergeCell ref="A7:H9"/>
    <mergeCell ref="A10:B12"/>
    <mergeCell ref="C10:H12"/>
    <mergeCell ref="A32:G32"/>
    <mergeCell ref="A34:F34"/>
    <mergeCell ref="A16:B18"/>
    <mergeCell ref="C16:H18"/>
    <mergeCell ref="A19:B21"/>
    <mergeCell ref="C19:H21"/>
    <mergeCell ref="A28:F28"/>
    <mergeCell ref="A30:G30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チェックシート①</vt:lpstr>
      <vt:lpstr>チェックシート②</vt:lpstr>
      <vt:lpstr>役員用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稲垣秀樹</dc:creator>
  <cp:lastModifiedBy>清水　弘也</cp:lastModifiedBy>
  <cp:lastPrinted>2020-11-17T23:12:14Z</cp:lastPrinted>
  <dcterms:created xsi:type="dcterms:W3CDTF">2020-08-05T02:15:01Z</dcterms:created>
  <dcterms:modified xsi:type="dcterms:W3CDTF">2020-11-18T03:08:41Z</dcterms:modified>
</cp:coreProperties>
</file>